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267A7" w:rsidRDefault="00A4426D">
      <w:r>
        <w:rPr>
          <w:noProof/>
        </w:rPr>
        <w:drawing>
          <wp:inline distT="0" distB="0" distL="0" distR="0" wp14:anchorId="3F998512" wp14:editId="081200F7">
            <wp:extent cx="5943600" cy="764413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76441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267A7" w:rsidRDefault="00D267A7"/>
    <w:p w:rsidR="00D267A7" w:rsidRDefault="00D267A7"/>
    <w:p w:rsidR="00D267A7" w:rsidRDefault="00D267A7">
      <w:pPr>
        <w:rPr>
          <w:b/>
        </w:rPr>
      </w:pPr>
      <w:r w:rsidRPr="00D267A7">
        <w:rPr>
          <w:b/>
        </w:rPr>
        <w:lastRenderedPageBreak/>
        <w:t>Task1: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=[-4*pi:(8*pi/511):4*pi]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a=[0.7 -.5 .3 1]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=[1 .3 -.5 .7]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h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a,b,w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1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h)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mag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2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ngle(h)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3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real(h)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real part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4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imag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h)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imag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A4426D">
      <w:pPr>
        <w:rPr>
          <w:b/>
        </w:rPr>
      </w:pPr>
      <w:r w:rsidRPr="00A4426D">
        <w:rPr>
          <w:b/>
          <w:noProof/>
        </w:rPr>
        <w:drawing>
          <wp:inline distT="0" distB="0" distL="0" distR="0">
            <wp:extent cx="5943600" cy="2998835"/>
            <wp:effectExtent l="0" t="0" r="0" b="0"/>
            <wp:docPr id="3" name="Picture 3" descr="C:\Users\i140420\Desktop\Kamran_dsp_5_28-2\t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40420\Desktop\Kamran_dsp_5_28-2\t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88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1357C" w:rsidRDefault="0031357C" w:rsidP="0031357C">
      <w:pPr>
        <w:rPr>
          <w:b/>
        </w:rPr>
      </w:pPr>
      <w:r w:rsidRPr="00D267A7">
        <w:rPr>
          <w:b/>
        </w:rPr>
        <w:t>Task</w:t>
      </w:r>
      <w:r w:rsidR="00A4426D">
        <w:rPr>
          <w:b/>
        </w:rPr>
        <w:t>2</w:t>
      </w:r>
      <w:r w:rsidRPr="00D267A7">
        <w:rPr>
          <w:b/>
        </w:rPr>
        <w:t>: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 Compute the frequency samples of the DTFT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 = -4*pi:8*pi/511:4*pi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num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 = [2 1];den = [1 -0.6]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h = 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num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, den, w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 Plot the DTFT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,1,1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w/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pi,rea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h));grid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lastRenderedPageBreak/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Real part of H(e^{j\omega})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\omega /\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Ampl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,1,2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w/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pi,imag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h));grid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Imaginary part of H(e^{j\omega})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\omega /\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Ampl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,1,3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w/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pi,abs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h));grid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Magnitude Spectrum |H(e^{j\omega})|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\omega /\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Ampl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,1,4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w/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pi,angl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h));grid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 xml:space="preserve">'Phase Spectrum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arg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>[H(e^{j\omega})]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\omega /\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31357C" w:rsidP="0031357C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Phase, radians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31357C" w:rsidRDefault="00A4426D">
      <w:pPr>
        <w:rPr>
          <w:b/>
        </w:rPr>
      </w:pPr>
      <w:r w:rsidRPr="00A4426D">
        <w:rPr>
          <w:b/>
          <w:noProof/>
        </w:rPr>
        <w:drawing>
          <wp:inline distT="0" distB="0" distL="0" distR="0">
            <wp:extent cx="5943600" cy="2998835"/>
            <wp:effectExtent l="0" t="0" r="0" b="0"/>
            <wp:docPr id="4" name="Picture 4" descr="C:\Users\i140420\Desktop\Kamran_dsp_5_28-2\t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140420\Desktop\Kamran_dsp_5_28-2\t2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88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1357C" w:rsidRDefault="00A4426D" w:rsidP="0031357C">
      <w:pPr>
        <w:rPr>
          <w:b/>
        </w:rPr>
      </w:pPr>
      <w:r>
        <w:rPr>
          <w:b/>
        </w:rPr>
        <w:t>Task3</w:t>
      </w:r>
      <w:r w:rsidR="0031357C" w:rsidRPr="00D267A7">
        <w:rPr>
          <w:b/>
        </w:rPr>
        <w:t>: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=[-4*pi:(8*pi/511):4*pi]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a=[0.7 -.5 .3 1]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=[1 .3 -.5 .7]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h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a,b,w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1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h)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mag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2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unwrap(angle(h))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3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lastRenderedPageBreak/>
        <w:t>plot((w/pi),real(h)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real part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4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imag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h)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imag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A4426D">
      <w:pPr>
        <w:rPr>
          <w:b/>
        </w:rPr>
      </w:pPr>
      <w:r w:rsidRPr="00A4426D">
        <w:rPr>
          <w:b/>
          <w:noProof/>
        </w:rPr>
        <w:drawing>
          <wp:inline distT="0" distB="0" distL="0" distR="0">
            <wp:extent cx="5943600" cy="2998835"/>
            <wp:effectExtent l="0" t="0" r="0" b="0"/>
            <wp:docPr id="5" name="Picture 5" descr="C:\Users\i140420\Desktop\Kamran_dsp_5_28-2\t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140420\Desktop\Kamran_dsp_5_28-2\t3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88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1357C" w:rsidRDefault="00A4426D" w:rsidP="0031357C">
      <w:pPr>
        <w:rPr>
          <w:b/>
        </w:rPr>
      </w:pPr>
      <w:r>
        <w:rPr>
          <w:b/>
        </w:rPr>
        <w:t>Task4</w:t>
      </w:r>
      <w:r w:rsidR="0031357C" w:rsidRPr="00D267A7">
        <w:rPr>
          <w:b/>
        </w:rPr>
        <w:t>: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0:25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k=0:255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=k*(pi/255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1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randn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1,length(n)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2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randn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1,length(n)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alpha=2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eta=3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(alpha.*x1)+(beta.*x2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x*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ex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-j*pi/255).^(n'*k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1=x1*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ex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-j*pi/255).^(n'*k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2=x2*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ex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-j*pi/255).^(n'*k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TheX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X1+X2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211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X)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 xml:space="preserve">'Time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dom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added then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fouriered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212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TheX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 xml:space="preserve">'Time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dom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fouriered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then added  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31357C" w:rsidRDefault="00A4426D">
      <w:pPr>
        <w:rPr>
          <w:b/>
        </w:rPr>
      </w:pPr>
      <w:r w:rsidRPr="00A4426D">
        <w:rPr>
          <w:b/>
          <w:noProof/>
        </w:rPr>
        <w:lastRenderedPageBreak/>
        <w:drawing>
          <wp:inline distT="0" distB="0" distL="0" distR="0">
            <wp:extent cx="5943600" cy="2998835"/>
            <wp:effectExtent l="0" t="0" r="0" b="0"/>
            <wp:docPr id="6" name="Picture 6" descr="C:\Users\i140420\Desktop\Kamran_dsp_5_28-2\t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140420\Desktop\Kamran_dsp_5_28-2\t4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88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1357C" w:rsidRDefault="00A4426D" w:rsidP="0031357C">
      <w:pPr>
        <w:rPr>
          <w:b/>
        </w:rPr>
      </w:pPr>
      <w:r>
        <w:rPr>
          <w:b/>
        </w:rPr>
        <w:t>Task5</w:t>
      </w:r>
      <w:r w:rsidR="0031357C" w:rsidRPr="00D267A7">
        <w:rPr>
          <w:b/>
        </w:rPr>
        <w:t>: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0:50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1=sin(2*pi*0.5*n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M=5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=(ones(1,M)*(1/M))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a=[1];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h=filter(b,a,x1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H,w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h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311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n,h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312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/pi),abs(H)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M=5 Amp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313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/pi),angle(H)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M=5 Phas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A4426D" w:rsidRDefault="00A4426D" w:rsidP="00A4426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31357C" w:rsidRDefault="00A4426D">
      <w:pPr>
        <w:rPr>
          <w:b/>
        </w:rPr>
      </w:pPr>
      <w:r w:rsidRPr="00A4426D">
        <w:rPr>
          <w:b/>
          <w:noProof/>
        </w:rPr>
        <w:lastRenderedPageBreak/>
        <w:drawing>
          <wp:inline distT="0" distB="0" distL="0" distR="0">
            <wp:extent cx="5943600" cy="2998835"/>
            <wp:effectExtent l="0" t="0" r="0" b="0"/>
            <wp:docPr id="9" name="Picture 9" descr="C:\Users\i140420\Desktop\Kamran_dsp_5_28-2\t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140420\Desktop\Kamran_dsp_5_28-2\t5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88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31357C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80"/>
  <w:activeWritingStyle w:appName="MSWord" w:lang="en-US" w:vendorID="64" w:dllVersion="131078" w:nlCheck="1" w:checkStyle="0"/>
  <w:proofState w:spelling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267A7"/>
    <w:rsid w:val="00023C52"/>
    <w:rsid w:val="00057482"/>
    <w:rsid w:val="00105845"/>
    <w:rsid w:val="001D02ED"/>
    <w:rsid w:val="002B2AF9"/>
    <w:rsid w:val="0031357C"/>
    <w:rsid w:val="00376E2C"/>
    <w:rsid w:val="004F2E51"/>
    <w:rsid w:val="005A452D"/>
    <w:rsid w:val="006B2CCD"/>
    <w:rsid w:val="008D3C26"/>
    <w:rsid w:val="00A4426D"/>
    <w:rsid w:val="00AA6F74"/>
    <w:rsid w:val="00AB64AA"/>
    <w:rsid w:val="00B152CE"/>
    <w:rsid w:val="00B27DA0"/>
    <w:rsid w:val="00D144B9"/>
    <w:rsid w:val="00D267A7"/>
    <w:rsid w:val="00D81208"/>
    <w:rsid w:val="00D90BAD"/>
    <w:rsid w:val="00DD2A9E"/>
    <w:rsid w:val="00E90D94"/>
    <w:rsid w:val="00F23702"/>
    <w:rsid w:val="00F407A4"/>
    <w:rsid w:val="00F732C3"/>
    <w:rsid w:val="00F743C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4420E688-E415-4CA4-966C-B57F53192EA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jpeg"/><Relationship Id="rId3" Type="http://schemas.openxmlformats.org/officeDocument/2006/relationships/webSettings" Target="webSettings.xml"/><Relationship Id="rId7" Type="http://schemas.openxmlformats.org/officeDocument/2006/relationships/image" Target="media/image4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11" Type="http://schemas.openxmlformats.org/officeDocument/2006/relationships/theme" Target="theme/theme1.xml"/><Relationship Id="rId5" Type="http://schemas.openxmlformats.org/officeDocument/2006/relationships/image" Target="media/image2.jpeg"/><Relationship Id="rId10" Type="http://schemas.openxmlformats.org/officeDocument/2006/relationships/fontTable" Target="fontTable.xml"/><Relationship Id="rId4" Type="http://schemas.openxmlformats.org/officeDocument/2006/relationships/image" Target="media/image1.png"/><Relationship Id="rId9" Type="http://schemas.openxmlformats.org/officeDocument/2006/relationships/image" Target="media/image6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2</TotalTime>
  <Pages>6</Pages>
  <Words>339</Words>
  <Characters>1935</Characters>
  <Application>Microsoft Office Word</Application>
  <DocSecurity>0</DocSecurity>
  <Lines>16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27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140420</dc:creator>
  <cp:keywords/>
  <dc:description/>
  <cp:lastModifiedBy>i140420</cp:lastModifiedBy>
  <cp:revision>4</cp:revision>
  <dcterms:created xsi:type="dcterms:W3CDTF">2019-02-28T11:49:00Z</dcterms:created>
  <dcterms:modified xsi:type="dcterms:W3CDTF">2019-02-28T11:57:00Z</dcterms:modified>
</cp:coreProperties>
</file>